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32 愛川町★　水道、下水道\"/>
    </mc:Choice>
  </mc:AlternateContent>
  <workbookProtection workbookAlgorithmName="SHA-512" workbookHashValue="S4dDnp/KS0v0dvmRUGsqnwkokDB614Zsep4gsWpd0st/ADxahqnd8pOL7BPYOgUF1q39ykLp1wCpVTtDfgbKBQ==" workbookSaltValue="4kb9izrNIMRMUUaPmMSXgw==" workbookSpinCount="100000" lockStructure="1"/>
  <bookViews>
    <workbookView xWindow="0" yWindow="0" windowWidth="23040" windowHeight="83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I85"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AL10" i="4" s="1"/>
  <c r="U6" i="5"/>
  <c r="T6" i="5"/>
  <c r="S6" i="5"/>
  <c r="AL8" i="4" s="1"/>
  <c r="R6" i="5"/>
  <c r="AD10" i="4" s="1"/>
  <c r="Q6" i="5"/>
  <c r="W10" i="4" s="1"/>
  <c r="P6" i="5"/>
  <c r="O6" i="5"/>
  <c r="I10" i="4" s="1"/>
  <c r="N6" i="5"/>
  <c r="B10" i="4" s="1"/>
  <c r="M6" i="5"/>
  <c r="L6" i="5"/>
  <c r="K6" i="5"/>
  <c r="P8" i="4" s="1"/>
  <c r="J6" i="5"/>
  <c r="I8" i="4" s="1"/>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H85" i="4"/>
  <c r="G85" i="4"/>
  <c r="BB10" i="4"/>
  <c r="AT10" i="4"/>
  <c r="P10" i="4"/>
  <c r="BB8" i="4"/>
  <c r="AT8" i="4"/>
  <c r="AD8" i="4"/>
  <c r="W8" i="4"/>
  <c r="B6" i="4"/>
</calcChain>
</file>

<file path=xl/sharedStrings.xml><?xml version="1.0" encoding="utf-8"?>
<sst xmlns="http://schemas.openxmlformats.org/spreadsheetml/2006/main" count="278" uniqueCount="117">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愛川町</t>
  </si>
  <si>
    <t>法適用</t>
  </si>
  <si>
    <t>下水道事業</t>
  </si>
  <si>
    <t>公共下水道</t>
  </si>
  <si>
    <t>Bd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①経常収支比率は100％を超えており、②累積欠損金は生じていないものの、③流動比率が低く資金的な余裕はない状況です。④企業債残高対事業規模比率は類似団体平均と比較すると高い水準となっていますが、企業債償還額を超える借入は行っていないため、今後、減少していくことが見込まれます。
　また、⑤経費回収率は82.43％で、使用料単価を⑥汚水処理原価が上回る状況であることから、適正な使用料収入の確保や汚水処理費の削減に向けた取組を進め、経費回収率の向上に努めます。水洗化率は97.97％で高い水準ではありますが、戸別訪問等の接続勧奨に引き続き取組むことで、更なる水洗化率の向上に努めます。</t>
    <phoneticPr fontId="4"/>
  </si>
  <si>
    <t>　①有形固定資産減価償却率は、令和２年度に地方公営企業法を適用したため低い水準にあります。②管渠老朽化率は今後の耐用年数経過に伴って上昇していくことになりますが、ストックマネジメント計画に基づいて計画的な維持管理と改築・更新等に取組んでいきます。</t>
    <rPh sb="21" eb="23">
      <t>チホウ</t>
    </rPh>
    <rPh sb="23" eb="25">
      <t>コウエイ</t>
    </rPh>
    <rPh sb="25" eb="27">
      <t>キギョウ</t>
    </rPh>
    <rPh sb="27" eb="28">
      <t>ホウ</t>
    </rPh>
    <rPh sb="29" eb="31">
      <t>テキヨウ</t>
    </rPh>
    <rPh sb="107" eb="109">
      <t>カイチク</t>
    </rPh>
    <rPh sb="110" eb="112">
      <t>コウシン</t>
    </rPh>
    <phoneticPr fontId="4"/>
  </si>
  <si>
    <t>　本町では、令和２年度から地方公営企業法の財務規定等を適用し、公営企業会計方式による事業運営を開始しています。令和４年度は、愛川町公共下水道事業経営戦略において、経費回収率の向上を図ることを目的として令和５年度に予定した下水道使用料の改定を進めるため愛川町下水道運営審議会を開催したほか、下水道使用料を改定するための条例の一部改正について議会の議決を得るなど、令和５年10月１日の使用料改定に向けた準備を行いました。今後も下水道中期ビジョンの基本理念「安心して快適に暮らせるまちをつくる下水道」、経営戦略の経営の基本方針「快適な暮らし」、「安全なまちづくり」、「事業の継続」、「住民との連携」の達成に向けた取組を進め、持続可能な下水道サービスの提供に努めていきます。</t>
    <rPh sb="55" eb="57">
      <t>レイワ</t>
    </rPh>
    <rPh sb="58" eb="60">
      <t>ネンド</t>
    </rPh>
    <rPh sb="62" eb="65">
      <t>アイカワマチ</t>
    </rPh>
    <rPh sb="65" eb="67">
      <t>コウキョウ</t>
    </rPh>
    <rPh sb="67" eb="70">
      <t>ゲスイドウ</t>
    </rPh>
    <rPh sb="70" eb="72">
      <t>ジギョウ</t>
    </rPh>
    <rPh sb="72" eb="74">
      <t>ケイエイ</t>
    </rPh>
    <rPh sb="74" eb="76">
      <t>センリャク</t>
    </rPh>
    <rPh sb="81" eb="83">
      <t>ケイヒ</t>
    </rPh>
    <rPh sb="83" eb="85">
      <t>カイシュウ</t>
    </rPh>
    <rPh sb="85" eb="86">
      <t>リツ</t>
    </rPh>
    <rPh sb="87" eb="89">
      <t>コウジョウ</t>
    </rPh>
    <rPh sb="90" eb="91">
      <t>ハカ</t>
    </rPh>
    <rPh sb="95" eb="97">
      <t>モクテキ</t>
    </rPh>
    <rPh sb="100" eb="102">
      <t>レイワ</t>
    </rPh>
    <rPh sb="103" eb="105">
      <t>ネンド</t>
    </rPh>
    <rPh sb="106" eb="108">
      <t>ヨテイ</t>
    </rPh>
    <rPh sb="110" eb="113">
      <t>ゲスイドウ</t>
    </rPh>
    <rPh sb="113" eb="116">
      <t>シヨウリョウ</t>
    </rPh>
    <rPh sb="117" eb="119">
      <t>カイテイ</t>
    </rPh>
    <rPh sb="120" eb="121">
      <t>スス</t>
    </rPh>
    <rPh sb="125" eb="128">
      <t>アイカワマチ</t>
    </rPh>
    <rPh sb="128" eb="131">
      <t>ゲスイドウ</t>
    </rPh>
    <rPh sb="131" eb="133">
      <t>ウンエイ</t>
    </rPh>
    <rPh sb="133" eb="136">
      <t>シンギカイ</t>
    </rPh>
    <rPh sb="137" eb="139">
      <t>カイサイ</t>
    </rPh>
    <rPh sb="144" eb="147">
      <t>ゲスイドウ</t>
    </rPh>
    <rPh sb="147" eb="150">
      <t>シヨウリョウ</t>
    </rPh>
    <rPh sb="151" eb="153">
      <t>カイテイ</t>
    </rPh>
    <rPh sb="158" eb="160">
      <t>ジョウレイ</t>
    </rPh>
    <rPh sb="161" eb="163">
      <t>イチブ</t>
    </rPh>
    <rPh sb="163" eb="165">
      <t>カイセイ</t>
    </rPh>
    <rPh sb="169" eb="171">
      <t>ギカイ</t>
    </rPh>
    <rPh sb="172" eb="174">
      <t>ギケツ</t>
    </rPh>
    <rPh sb="175" eb="176">
      <t>エ</t>
    </rPh>
    <rPh sb="180" eb="182">
      <t>レイワ</t>
    </rPh>
    <rPh sb="183" eb="184">
      <t>ネン</t>
    </rPh>
    <rPh sb="186" eb="187">
      <t>ガツ</t>
    </rPh>
    <rPh sb="188" eb="189">
      <t>ニチ</t>
    </rPh>
    <rPh sb="190" eb="193">
      <t>シヨウリョウ</t>
    </rPh>
    <rPh sb="193" eb="195">
      <t>カイテイ</t>
    </rPh>
    <rPh sb="196" eb="197">
      <t>ム</t>
    </rPh>
    <rPh sb="199" eb="201">
      <t>ジュンビ</t>
    </rPh>
    <rPh sb="202" eb="203">
      <t>オコナ</t>
    </rPh>
    <rPh sb="208" eb="210">
      <t>コンゴ</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12</c:v>
                </c:pt>
                <c:pt idx="3">
                  <c:v>0.04</c:v>
                </c:pt>
                <c:pt idx="4">
                  <c:v>0.06</c:v>
                </c:pt>
              </c:numCache>
            </c:numRef>
          </c:val>
          <c:extLst>
            <c:ext xmlns:c16="http://schemas.microsoft.com/office/drawing/2014/chart" uri="{C3380CC4-5D6E-409C-BE32-E72D297353CC}">
              <c16:uniqueId val="{00000000-2B6F-4144-ADC4-4DF9E2B07AEC}"/>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09</c:v>
                </c:pt>
                <c:pt idx="3">
                  <c:v>0.17</c:v>
                </c:pt>
                <c:pt idx="4">
                  <c:v>0.13</c:v>
                </c:pt>
              </c:numCache>
            </c:numRef>
          </c:val>
          <c:smooth val="0"/>
          <c:extLst>
            <c:ext xmlns:c16="http://schemas.microsoft.com/office/drawing/2014/chart" uri="{C3380CC4-5D6E-409C-BE32-E72D297353CC}">
              <c16:uniqueId val="{00000001-2B6F-4144-ADC4-4DF9E2B07AEC}"/>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6F1-4E6C-A77E-0C41AC825D6A}"/>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65.28</c:v>
                </c:pt>
                <c:pt idx="3">
                  <c:v>64.92</c:v>
                </c:pt>
                <c:pt idx="4">
                  <c:v>64.14</c:v>
                </c:pt>
              </c:numCache>
            </c:numRef>
          </c:val>
          <c:smooth val="0"/>
          <c:extLst>
            <c:ext xmlns:c16="http://schemas.microsoft.com/office/drawing/2014/chart" uri="{C3380CC4-5D6E-409C-BE32-E72D297353CC}">
              <c16:uniqueId val="{00000001-86F1-4E6C-A77E-0C41AC825D6A}"/>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0</c:v>
                </c:pt>
                <c:pt idx="1">
                  <c:v>0</c:v>
                </c:pt>
                <c:pt idx="2">
                  <c:v>97.95</c:v>
                </c:pt>
                <c:pt idx="3">
                  <c:v>97.96</c:v>
                </c:pt>
                <c:pt idx="4">
                  <c:v>97.97</c:v>
                </c:pt>
              </c:numCache>
            </c:numRef>
          </c:val>
          <c:extLst>
            <c:ext xmlns:c16="http://schemas.microsoft.com/office/drawing/2014/chart" uri="{C3380CC4-5D6E-409C-BE32-E72D297353CC}">
              <c16:uniqueId val="{00000000-7E1E-4B57-B09C-02DBB0C73A0D}"/>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2.72</c:v>
                </c:pt>
                <c:pt idx="3">
                  <c:v>92.88</c:v>
                </c:pt>
                <c:pt idx="4">
                  <c:v>92.9</c:v>
                </c:pt>
              </c:numCache>
            </c:numRef>
          </c:val>
          <c:smooth val="0"/>
          <c:extLst>
            <c:ext xmlns:c16="http://schemas.microsoft.com/office/drawing/2014/chart" uri="{C3380CC4-5D6E-409C-BE32-E72D297353CC}">
              <c16:uniqueId val="{00000001-7E1E-4B57-B09C-02DBB0C73A0D}"/>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0</c:v>
                </c:pt>
                <c:pt idx="1">
                  <c:v>0</c:v>
                </c:pt>
                <c:pt idx="2">
                  <c:v>106.17</c:v>
                </c:pt>
                <c:pt idx="3">
                  <c:v>103.67</c:v>
                </c:pt>
                <c:pt idx="4">
                  <c:v>102.37</c:v>
                </c:pt>
              </c:numCache>
            </c:numRef>
          </c:val>
          <c:extLst>
            <c:ext xmlns:c16="http://schemas.microsoft.com/office/drawing/2014/chart" uri="{C3380CC4-5D6E-409C-BE32-E72D297353CC}">
              <c16:uniqueId val="{00000000-F617-4923-8453-CC0BF4A81D79}"/>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7.85</c:v>
                </c:pt>
                <c:pt idx="3">
                  <c:v>108.04</c:v>
                </c:pt>
                <c:pt idx="4">
                  <c:v>107.49</c:v>
                </c:pt>
              </c:numCache>
            </c:numRef>
          </c:val>
          <c:smooth val="0"/>
          <c:extLst>
            <c:ext xmlns:c16="http://schemas.microsoft.com/office/drawing/2014/chart" uri="{C3380CC4-5D6E-409C-BE32-E72D297353CC}">
              <c16:uniqueId val="{00000001-F617-4923-8453-CC0BF4A81D79}"/>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0</c:v>
                </c:pt>
                <c:pt idx="1">
                  <c:v>0</c:v>
                </c:pt>
                <c:pt idx="2">
                  <c:v>3.94</c:v>
                </c:pt>
                <c:pt idx="3">
                  <c:v>7.84</c:v>
                </c:pt>
                <c:pt idx="4">
                  <c:v>11.55</c:v>
                </c:pt>
              </c:numCache>
            </c:numRef>
          </c:val>
          <c:extLst>
            <c:ext xmlns:c16="http://schemas.microsoft.com/office/drawing/2014/chart" uri="{C3380CC4-5D6E-409C-BE32-E72D297353CC}">
              <c16:uniqueId val="{00000000-B79A-4F96-834D-26D799C82E83}"/>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23.79</c:v>
                </c:pt>
                <c:pt idx="3">
                  <c:v>25.66</c:v>
                </c:pt>
                <c:pt idx="4">
                  <c:v>27.46</c:v>
                </c:pt>
              </c:numCache>
            </c:numRef>
          </c:val>
          <c:smooth val="0"/>
          <c:extLst>
            <c:ext xmlns:c16="http://schemas.microsoft.com/office/drawing/2014/chart" uri="{C3380CC4-5D6E-409C-BE32-E72D297353CC}">
              <c16:uniqueId val="{00000001-B79A-4F96-834D-26D799C82E83}"/>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4.33</c:v>
                </c:pt>
                <c:pt idx="3">
                  <c:v>4.51</c:v>
                </c:pt>
                <c:pt idx="4">
                  <c:v>4.49</c:v>
                </c:pt>
              </c:numCache>
            </c:numRef>
          </c:val>
          <c:extLst>
            <c:ext xmlns:c16="http://schemas.microsoft.com/office/drawing/2014/chart" uri="{C3380CC4-5D6E-409C-BE32-E72D297353CC}">
              <c16:uniqueId val="{00000000-4644-43BA-9040-995527B10D75}"/>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1.22</c:v>
                </c:pt>
                <c:pt idx="3">
                  <c:v>1.61</c:v>
                </c:pt>
                <c:pt idx="4">
                  <c:v>2.08</c:v>
                </c:pt>
              </c:numCache>
            </c:numRef>
          </c:val>
          <c:smooth val="0"/>
          <c:extLst>
            <c:ext xmlns:c16="http://schemas.microsoft.com/office/drawing/2014/chart" uri="{C3380CC4-5D6E-409C-BE32-E72D297353CC}">
              <c16:uniqueId val="{00000001-4644-43BA-9040-995527B10D75}"/>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41F4-46D8-91DA-B1F1933D97E4}"/>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4.72</c:v>
                </c:pt>
                <c:pt idx="3">
                  <c:v>4.49</c:v>
                </c:pt>
                <c:pt idx="4">
                  <c:v>5.41</c:v>
                </c:pt>
              </c:numCache>
            </c:numRef>
          </c:val>
          <c:smooth val="0"/>
          <c:extLst>
            <c:ext xmlns:c16="http://schemas.microsoft.com/office/drawing/2014/chart" uri="{C3380CC4-5D6E-409C-BE32-E72D297353CC}">
              <c16:uniqueId val="{00000001-41F4-46D8-91DA-B1F1933D97E4}"/>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0</c:v>
                </c:pt>
                <c:pt idx="1">
                  <c:v>0</c:v>
                </c:pt>
                <c:pt idx="2">
                  <c:v>26.63</c:v>
                </c:pt>
                <c:pt idx="3">
                  <c:v>32.11</c:v>
                </c:pt>
                <c:pt idx="4">
                  <c:v>37.700000000000003</c:v>
                </c:pt>
              </c:numCache>
            </c:numRef>
          </c:val>
          <c:extLst>
            <c:ext xmlns:c16="http://schemas.microsoft.com/office/drawing/2014/chart" uri="{C3380CC4-5D6E-409C-BE32-E72D297353CC}">
              <c16:uniqueId val="{00000000-1FDC-4927-AE0D-24C80C7A1E6C}"/>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67.930000000000007</c:v>
                </c:pt>
                <c:pt idx="3">
                  <c:v>68.53</c:v>
                </c:pt>
                <c:pt idx="4">
                  <c:v>69.180000000000007</c:v>
                </c:pt>
              </c:numCache>
            </c:numRef>
          </c:val>
          <c:smooth val="0"/>
          <c:extLst>
            <c:ext xmlns:c16="http://schemas.microsoft.com/office/drawing/2014/chart" uri="{C3380CC4-5D6E-409C-BE32-E72D297353CC}">
              <c16:uniqueId val="{00000001-1FDC-4927-AE0D-24C80C7A1E6C}"/>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0</c:v>
                </c:pt>
                <c:pt idx="1">
                  <c:v>0</c:v>
                </c:pt>
                <c:pt idx="2">
                  <c:v>1090.06</c:v>
                </c:pt>
                <c:pt idx="3">
                  <c:v>1022.78</c:v>
                </c:pt>
                <c:pt idx="4">
                  <c:v>1016.66</c:v>
                </c:pt>
              </c:numCache>
            </c:numRef>
          </c:val>
          <c:extLst>
            <c:ext xmlns:c16="http://schemas.microsoft.com/office/drawing/2014/chart" uri="{C3380CC4-5D6E-409C-BE32-E72D297353CC}">
              <c16:uniqueId val="{00000000-E139-4A9D-AEBC-287F71BD43E4}"/>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857.88</c:v>
                </c:pt>
                <c:pt idx="3">
                  <c:v>825.1</c:v>
                </c:pt>
                <c:pt idx="4">
                  <c:v>789.87</c:v>
                </c:pt>
              </c:numCache>
            </c:numRef>
          </c:val>
          <c:smooth val="0"/>
          <c:extLst>
            <c:ext xmlns:c16="http://schemas.microsoft.com/office/drawing/2014/chart" uri="{C3380CC4-5D6E-409C-BE32-E72D297353CC}">
              <c16:uniqueId val="{00000001-E139-4A9D-AEBC-287F71BD43E4}"/>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0</c:v>
                </c:pt>
                <c:pt idx="1">
                  <c:v>0</c:v>
                </c:pt>
                <c:pt idx="2">
                  <c:v>81.91</c:v>
                </c:pt>
                <c:pt idx="3">
                  <c:v>82.46</c:v>
                </c:pt>
                <c:pt idx="4">
                  <c:v>82.43</c:v>
                </c:pt>
              </c:numCache>
            </c:numRef>
          </c:val>
          <c:extLst>
            <c:ext xmlns:c16="http://schemas.microsoft.com/office/drawing/2014/chart" uri="{C3380CC4-5D6E-409C-BE32-E72D297353CC}">
              <c16:uniqueId val="{00000000-7384-49EA-B5AE-48BA8A3A9DDB}"/>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94.97</c:v>
                </c:pt>
                <c:pt idx="3">
                  <c:v>97.07</c:v>
                </c:pt>
                <c:pt idx="4">
                  <c:v>98.06</c:v>
                </c:pt>
              </c:numCache>
            </c:numRef>
          </c:val>
          <c:smooth val="0"/>
          <c:extLst>
            <c:ext xmlns:c16="http://schemas.microsoft.com/office/drawing/2014/chart" uri="{C3380CC4-5D6E-409C-BE32-E72D297353CC}">
              <c16:uniqueId val="{00000001-7384-49EA-B5AE-48BA8A3A9DDB}"/>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0</c:v>
                </c:pt>
                <c:pt idx="1">
                  <c:v>0</c:v>
                </c:pt>
                <c:pt idx="2">
                  <c:v>150</c:v>
                </c:pt>
                <c:pt idx="3">
                  <c:v>150</c:v>
                </c:pt>
                <c:pt idx="4">
                  <c:v>150</c:v>
                </c:pt>
              </c:numCache>
            </c:numRef>
          </c:val>
          <c:extLst>
            <c:ext xmlns:c16="http://schemas.microsoft.com/office/drawing/2014/chart" uri="{C3380CC4-5D6E-409C-BE32-E72D297353CC}">
              <c16:uniqueId val="{00000000-82EB-4755-AFCF-A627810A987C}"/>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59.49</c:v>
                </c:pt>
                <c:pt idx="3">
                  <c:v>157.81</c:v>
                </c:pt>
                <c:pt idx="4">
                  <c:v>157.37</c:v>
                </c:pt>
              </c:numCache>
            </c:numRef>
          </c:val>
          <c:smooth val="0"/>
          <c:extLst>
            <c:ext xmlns:c16="http://schemas.microsoft.com/office/drawing/2014/chart" uri="{C3380CC4-5D6E-409C-BE32-E72D297353CC}">
              <c16:uniqueId val="{00000001-82EB-4755-AFCF-A627810A987C}"/>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52" zoomScaleNormal="100"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愛川町</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Bd1</v>
      </c>
      <c r="X8" s="40"/>
      <c r="Y8" s="40"/>
      <c r="Z8" s="40"/>
      <c r="AA8" s="40"/>
      <c r="AB8" s="40"/>
      <c r="AC8" s="40"/>
      <c r="AD8" s="41" t="str">
        <f>データ!$M$6</f>
        <v>非設置</v>
      </c>
      <c r="AE8" s="41"/>
      <c r="AF8" s="41"/>
      <c r="AG8" s="41"/>
      <c r="AH8" s="41"/>
      <c r="AI8" s="41"/>
      <c r="AJ8" s="41"/>
      <c r="AK8" s="3"/>
      <c r="AL8" s="42">
        <f>データ!S6</f>
        <v>39601</v>
      </c>
      <c r="AM8" s="42"/>
      <c r="AN8" s="42"/>
      <c r="AO8" s="42"/>
      <c r="AP8" s="42"/>
      <c r="AQ8" s="42"/>
      <c r="AR8" s="42"/>
      <c r="AS8" s="42"/>
      <c r="AT8" s="35">
        <f>データ!T6</f>
        <v>34.28</v>
      </c>
      <c r="AU8" s="35"/>
      <c r="AV8" s="35"/>
      <c r="AW8" s="35"/>
      <c r="AX8" s="35"/>
      <c r="AY8" s="35"/>
      <c r="AZ8" s="35"/>
      <c r="BA8" s="35"/>
      <c r="BB8" s="35">
        <f>データ!U6</f>
        <v>1155.22</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57.35</v>
      </c>
      <c r="J10" s="35"/>
      <c r="K10" s="35"/>
      <c r="L10" s="35"/>
      <c r="M10" s="35"/>
      <c r="N10" s="35"/>
      <c r="O10" s="35"/>
      <c r="P10" s="35">
        <f>データ!P6</f>
        <v>91.08</v>
      </c>
      <c r="Q10" s="35"/>
      <c r="R10" s="35"/>
      <c r="S10" s="35"/>
      <c r="T10" s="35"/>
      <c r="U10" s="35"/>
      <c r="V10" s="35"/>
      <c r="W10" s="35">
        <f>データ!Q6</f>
        <v>96.07</v>
      </c>
      <c r="X10" s="35"/>
      <c r="Y10" s="35"/>
      <c r="Z10" s="35"/>
      <c r="AA10" s="35"/>
      <c r="AB10" s="35"/>
      <c r="AC10" s="35"/>
      <c r="AD10" s="42">
        <f>データ!R6</f>
        <v>2077</v>
      </c>
      <c r="AE10" s="42"/>
      <c r="AF10" s="42"/>
      <c r="AG10" s="42"/>
      <c r="AH10" s="42"/>
      <c r="AI10" s="42"/>
      <c r="AJ10" s="42"/>
      <c r="AK10" s="2"/>
      <c r="AL10" s="42">
        <f>データ!V6</f>
        <v>36041</v>
      </c>
      <c r="AM10" s="42"/>
      <c r="AN10" s="42"/>
      <c r="AO10" s="42"/>
      <c r="AP10" s="42"/>
      <c r="AQ10" s="42"/>
      <c r="AR10" s="42"/>
      <c r="AS10" s="42"/>
      <c r="AT10" s="35">
        <f>データ!W6</f>
        <v>8.52</v>
      </c>
      <c r="AU10" s="35"/>
      <c r="AV10" s="35"/>
      <c r="AW10" s="35"/>
      <c r="AX10" s="35"/>
      <c r="AY10" s="35"/>
      <c r="AZ10" s="35"/>
      <c r="BA10" s="35"/>
      <c r="BB10" s="35">
        <f>データ!X6</f>
        <v>4230.16</v>
      </c>
      <c r="BC10" s="35"/>
      <c r="BD10" s="35"/>
      <c r="BE10" s="35"/>
      <c r="BF10" s="35"/>
      <c r="BG10" s="35"/>
      <c r="BH10" s="35"/>
      <c r="BI10" s="35"/>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4</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5" t="s">
        <v>115</v>
      </c>
      <c r="BM47" s="66"/>
      <c r="BN47" s="66"/>
      <c r="BO47" s="66"/>
      <c r="BP47" s="66"/>
      <c r="BQ47" s="66"/>
      <c r="BR47" s="66"/>
      <c r="BS47" s="66"/>
      <c r="BT47" s="66"/>
      <c r="BU47" s="66"/>
      <c r="BV47" s="66"/>
      <c r="BW47" s="66"/>
      <c r="BX47" s="66"/>
      <c r="BY47" s="66"/>
      <c r="BZ47" s="6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5"/>
      <c r="BM48" s="66"/>
      <c r="BN48" s="66"/>
      <c r="BO48" s="66"/>
      <c r="BP48" s="66"/>
      <c r="BQ48" s="66"/>
      <c r="BR48" s="66"/>
      <c r="BS48" s="66"/>
      <c r="BT48" s="66"/>
      <c r="BU48" s="66"/>
      <c r="BV48" s="66"/>
      <c r="BW48" s="66"/>
      <c r="BX48" s="66"/>
      <c r="BY48" s="66"/>
      <c r="BZ48" s="6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5"/>
      <c r="BM49" s="66"/>
      <c r="BN49" s="66"/>
      <c r="BO49" s="66"/>
      <c r="BP49" s="66"/>
      <c r="BQ49" s="66"/>
      <c r="BR49" s="66"/>
      <c r="BS49" s="66"/>
      <c r="BT49" s="66"/>
      <c r="BU49" s="66"/>
      <c r="BV49" s="66"/>
      <c r="BW49" s="66"/>
      <c r="BX49" s="66"/>
      <c r="BY49" s="66"/>
      <c r="BZ49" s="6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5"/>
      <c r="BM50" s="66"/>
      <c r="BN50" s="66"/>
      <c r="BO50" s="66"/>
      <c r="BP50" s="66"/>
      <c r="BQ50" s="66"/>
      <c r="BR50" s="66"/>
      <c r="BS50" s="66"/>
      <c r="BT50" s="66"/>
      <c r="BU50" s="66"/>
      <c r="BV50" s="66"/>
      <c r="BW50" s="66"/>
      <c r="BX50" s="66"/>
      <c r="BY50" s="66"/>
      <c r="BZ50" s="6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5"/>
      <c r="BM51" s="66"/>
      <c r="BN51" s="66"/>
      <c r="BO51" s="66"/>
      <c r="BP51" s="66"/>
      <c r="BQ51" s="66"/>
      <c r="BR51" s="66"/>
      <c r="BS51" s="66"/>
      <c r="BT51" s="66"/>
      <c r="BU51" s="66"/>
      <c r="BV51" s="66"/>
      <c r="BW51" s="66"/>
      <c r="BX51" s="66"/>
      <c r="BY51" s="66"/>
      <c r="BZ51" s="6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5"/>
      <c r="BM52" s="66"/>
      <c r="BN52" s="66"/>
      <c r="BO52" s="66"/>
      <c r="BP52" s="66"/>
      <c r="BQ52" s="66"/>
      <c r="BR52" s="66"/>
      <c r="BS52" s="66"/>
      <c r="BT52" s="66"/>
      <c r="BU52" s="66"/>
      <c r="BV52" s="66"/>
      <c r="BW52" s="66"/>
      <c r="BX52" s="66"/>
      <c r="BY52" s="66"/>
      <c r="BZ52" s="6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5"/>
      <c r="BM53" s="66"/>
      <c r="BN53" s="66"/>
      <c r="BO53" s="66"/>
      <c r="BP53" s="66"/>
      <c r="BQ53" s="66"/>
      <c r="BR53" s="66"/>
      <c r="BS53" s="66"/>
      <c r="BT53" s="66"/>
      <c r="BU53" s="66"/>
      <c r="BV53" s="66"/>
      <c r="BW53" s="66"/>
      <c r="BX53" s="66"/>
      <c r="BY53" s="66"/>
      <c r="BZ53" s="6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5"/>
      <c r="BM54" s="66"/>
      <c r="BN54" s="66"/>
      <c r="BO54" s="66"/>
      <c r="BP54" s="66"/>
      <c r="BQ54" s="66"/>
      <c r="BR54" s="66"/>
      <c r="BS54" s="66"/>
      <c r="BT54" s="66"/>
      <c r="BU54" s="66"/>
      <c r="BV54" s="66"/>
      <c r="BW54" s="66"/>
      <c r="BX54" s="66"/>
      <c r="BY54" s="66"/>
      <c r="BZ54" s="6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5"/>
      <c r="BM55" s="66"/>
      <c r="BN55" s="66"/>
      <c r="BO55" s="66"/>
      <c r="BP55" s="66"/>
      <c r="BQ55" s="66"/>
      <c r="BR55" s="66"/>
      <c r="BS55" s="66"/>
      <c r="BT55" s="66"/>
      <c r="BU55" s="66"/>
      <c r="BV55" s="66"/>
      <c r="BW55" s="66"/>
      <c r="BX55" s="66"/>
      <c r="BY55" s="66"/>
      <c r="BZ55" s="6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5"/>
      <c r="BM56" s="66"/>
      <c r="BN56" s="66"/>
      <c r="BO56" s="66"/>
      <c r="BP56" s="66"/>
      <c r="BQ56" s="66"/>
      <c r="BR56" s="66"/>
      <c r="BS56" s="66"/>
      <c r="BT56" s="66"/>
      <c r="BU56" s="66"/>
      <c r="BV56" s="66"/>
      <c r="BW56" s="66"/>
      <c r="BX56" s="66"/>
      <c r="BY56" s="66"/>
      <c r="BZ56" s="6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5"/>
      <c r="BM57" s="66"/>
      <c r="BN57" s="66"/>
      <c r="BO57" s="66"/>
      <c r="BP57" s="66"/>
      <c r="BQ57" s="66"/>
      <c r="BR57" s="66"/>
      <c r="BS57" s="66"/>
      <c r="BT57" s="66"/>
      <c r="BU57" s="66"/>
      <c r="BV57" s="66"/>
      <c r="BW57" s="66"/>
      <c r="BX57" s="66"/>
      <c r="BY57" s="66"/>
      <c r="BZ57" s="6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5"/>
      <c r="BM58" s="66"/>
      <c r="BN58" s="66"/>
      <c r="BO58" s="66"/>
      <c r="BP58" s="66"/>
      <c r="BQ58" s="66"/>
      <c r="BR58" s="66"/>
      <c r="BS58" s="66"/>
      <c r="BT58" s="66"/>
      <c r="BU58" s="66"/>
      <c r="BV58" s="66"/>
      <c r="BW58" s="66"/>
      <c r="BX58" s="66"/>
      <c r="BY58" s="66"/>
      <c r="BZ58" s="6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5"/>
      <c r="BM59" s="66"/>
      <c r="BN59" s="66"/>
      <c r="BO59" s="66"/>
      <c r="BP59" s="66"/>
      <c r="BQ59" s="66"/>
      <c r="BR59" s="66"/>
      <c r="BS59" s="66"/>
      <c r="BT59" s="66"/>
      <c r="BU59" s="66"/>
      <c r="BV59" s="66"/>
      <c r="BW59" s="66"/>
      <c r="BX59" s="66"/>
      <c r="BY59" s="66"/>
      <c r="BZ59" s="67"/>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65"/>
      <c r="BM60" s="66"/>
      <c r="BN60" s="66"/>
      <c r="BO60" s="66"/>
      <c r="BP60" s="66"/>
      <c r="BQ60" s="66"/>
      <c r="BR60" s="66"/>
      <c r="BS60" s="66"/>
      <c r="BT60" s="66"/>
      <c r="BU60" s="66"/>
      <c r="BV60" s="66"/>
      <c r="BW60" s="66"/>
      <c r="BX60" s="66"/>
      <c r="BY60" s="66"/>
      <c r="BZ60" s="67"/>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65"/>
      <c r="BM61" s="66"/>
      <c r="BN61" s="66"/>
      <c r="BO61" s="66"/>
      <c r="BP61" s="66"/>
      <c r="BQ61" s="66"/>
      <c r="BR61" s="66"/>
      <c r="BS61" s="66"/>
      <c r="BT61" s="66"/>
      <c r="BU61" s="66"/>
      <c r="BV61" s="66"/>
      <c r="BW61" s="66"/>
      <c r="BX61" s="66"/>
      <c r="BY61" s="66"/>
      <c r="BZ61" s="6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5"/>
      <c r="BM62" s="66"/>
      <c r="BN62" s="66"/>
      <c r="BO62" s="66"/>
      <c r="BP62" s="66"/>
      <c r="BQ62" s="66"/>
      <c r="BR62" s="66"/>
      <c r="BS62" s="66"/>
      <c r="BT62" s="66"/>
      <c r="BU62" s="66"/>
      <c r="BV62" s="66"/>
      <c r="BW62" s="66"/>
      <c r="BX62" s="66"/>
      <c r="BY62" s="66"/>
      <c r="BZ62" s="6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8"/>
      <c r="BM63" s="69"/>
      <c r="BN63" s="69"/>
      <c r="BO63" s="69"/>
      <c r="BP63" s="69"/>
      <c r="BQ63" s="69"/>
      <c r="BR63" s="69"/>
      <c r="BS63" s="69"/>
      <c r="BT63" s="69"/>
      <c r="BU63" s="69"/>
      <c r="BV63" s="69"/>
      <c r="BW63" s="69"/>
      <c r="BX63" s="69"/>
      <c r="BY63" s="69"/>
      <c r="BZ63" s="7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5" t="s">
        <v>116</v>
      </c>
      <c r="BM66" s="66"/>
      <c r="BN66" s="66"/>
      <c r="BO66" s="66"/>
      <c r="BP66" s="66"/>
      <c r="BQ66" s="66"/>
      <c r="BR66" s="66"/>
      <c r="BS66" s="66"/>
      <c r="BT66" s="66"/>
      <c r="BU66" s="66"/>
      <c r="BV66" s="66"/>
      <c r="BW66" s="66"/>
      <c r="BX66" s="66"/>
      <c r="BY66" s="66"/>
      <c r="BZ66" s="67"/>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5"/>
      <c r="BM67" s="66"/>
      <c r="BN67" s="66"/>
      <c r="BO67" s="66"/>
      <c r="BP67" s="66"/>
      <c r="BQ67" s="66"/>
      <c r="BR67" s="66"/>
      <c r="BS67" s="66"/>
      <c r="BT67" s="66"/>
      <c r="BU67" s="66"/>
      <c r="BV67" s="66"/>
      <c r="BW67" s="66"/>
      <c r="BX67" s="66"/>
      <c r="BY67" s="66"/>
      <c r="BZ67" s="67"/>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5"/>
      <c r="BM68" s="66"/>
      <c r="BN68" s="66"/>
      <c r="BO68" s="66"/>
      <c r="BP68" s="66"/>
      <c r="BQ68" s="66"/>
      <c r="BR68" s="66"/>
      <c r="BS68" s="66"/>
      <c r="BT68" s="66"/>
      <c r="BU68" s="66"/>
      <c r="BV68" s="66"/>
      <c r="BW68" s="66"/>
      <c r="BX68" s="66"/>
      <c r="BY68" s="66"/>
      <c r="BZ68" s="67"/>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5"/>
      <c r="BM69" s="66"/>
      <c r="BN69" s="66"/>
      <c r="BO69" s="66"/>
      <c r="BP69" s="66"/>
      <c r="BQ69" s="66"/>
      <c r="BR69" s="66"/>
      <c r="BS69" s="66"/>
      <c r="BT69" s="66"/>
      <c r="BU69" s="66"/>
      <c r="BV69" s="66"/>
      <c r="BW69" s="66"/>
      <c r="BX69" s="66"/>
      <c r="BY69" s="66"/>
      <c r="BZ69" s="67"/>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5"/>
      <c r="BM70" s="66"/>
      <c r="BN70" s="66"/>
      <c r="BO70" s="66"/>
      <c r="BP70" s="66"/>
      <c r="BQ70" s="66"/>
      <c r="BR70" s="66"/>
      <c r="BS70" s="66"/>
      <c r="BT70" s="66"/>
      <c r="BU70" s="66"/>
      <c r="BV70" s="66"/>
      <c r="BW70" s="66"/>
      <c r="BX70" s="66"/>
      <c r="BY70" s="66"/>
      <c r="BZ70" s="67"/>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5"/>
      <c r="BM71" s="66"/>
      <c r="BN71" s="66"/>
      <c r="BO71" s="66"/>
      <c r="BP71" s="66"/>
      <c r="BQ71" s="66"/>
      <c r="BR71" s="66"/>
      <c r="BS71" s="66"/>
      <c r="BT71" s="66"/>
      <c r="BU71" s="66"/>
      <c r="BV71" s="66"/>
      <c r="BW71" s="66"/>
      <c r="BX71" s="66"/>
      <c r="BY71" s="66"/>
      <c r="BZ71" s="67"/>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5"/>
      <c r="BM72" s="66"/>
      <c r="BN72" s="66"/>
      <c r="BO72" s="66"/>
      <c r="BP72" s="66"/>
      <c r="BQ72" s="66"/>
      <c r="BR72" s="66"/>
      <c r="BS72" s="66"/>
      <c r="BT72" s="66"/>
      <c r="BU72" s="66"/>
      <c r="BV72" s="66"/>
      <c r="BW72" s="66"/>
      <c r="BX72" s="66"/>
      <c r="BY72" s="66"/>
      <c r="BZ72" s="67"/>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5"/>
      <c r="BM73" s="66"/>
      <c r="BN73" s="66"/>
      <c r="BO73" s="66"/>
      <c r="BP73" s="66"/>
      <c r="BQ73" s="66"/>
      <c r="BR73" s="66"/>
      <c r="BS73" s="66"/>
      <c r="BT73" s="66"/>
      <c r="BU73" s="66"/>
      <c r="BV73" s="66"/>
      <c r="BW73" s="66"/>
      <c r="BX73" s="66"/>
      <c r="BY73" s="66"/>
      <c r="BZ73" s="67"/>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5"/>
      <c r="BM74" s="66"/>
      <c r="BN74" s="66"/>
      <c r="BO74" s="66"/>
      <c r="BP74" s="66"/>
      <c r="BQ74" s="66"/>
      <c r="BR74" s="66"/>
      <c r="BS74" s="66"/>
      <c r="BT74" s="66"/>
      <c r="BU74" s="66"/>
      <c r="BV74" s="66"/>
      <c r="BW74" s="66"/>
      <c r="BX74" s="66"/>
      <c r="BY74" s="66"/>
      <c r="BZ74" s="67"/>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5"/>
      <c r="BM75" s="66"/>
      <c r="BN75" s="66"/>
      <c r="BO75" s="66"/>
      <c r="BP75" s="66"/>
      <c r="BQ75" s="66"/>
      <c r="BR75" s="66"/>
      <c r="BS75" s="66"/>
      <c r="BT75" s="66"/>
      <c r="BU75" s="66"/>
      <c r="BV75" s="66"/>
      <c r="BW75" s="66"/>
      <c r="BX75" s="66"/>
      <c r="BY75" s="66"/>
      <c r="BZ75" s="67"/>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5"/>
      <c r="BM76" s="66"/>
      <c r="BN76" s="66"/>
      <c r="BO76" s="66"/>
      <c r="BP76" s="66"/>
      <c r="BQ76" s="66"/>
      <c r="BR76" s="66"/>
      <c r="BS76" s="66"/>
      <c r="BT76" s="66"/>
      <c r="BU76" s="66"/>
      <c r="BV76" s="66"/>
      <c r="BW76" s="66"/>
      <c r="BX76" s="66"/>
      <c r="BY76" s="66"/>
      <c r="BZ76" s="67"/>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5"/>
      <c r="BM77" s="66"/>
      <c r="BN77" s="66"/>
      <c r="BO77" s="66"/>
      <c r="BP77" s="66"/>
      <c r="BQ77" s="66"/>
      <c r="BR77" s="66"/>
      <c r="BS77" s="66"/>
      <c r="BT77" s="66"/>
      <c r="BU77" s="66"/>
      <c r="BV77" s="66"/>
      <c r="BW77" s="66"/>
      <c r="BX77" s="66"/>
      <c r="BY77" s="66"/>
      <c r="BZ77" s="67"/>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5"/>
      <c r="BM78" s="66"/>
      <c r="BN78" s="66"/>
      <c r="BO78" s="66"/>
      <c r="BP78" s="66"/>
      <c r="BQ78" s="66"/>
      <c r="BR78" s="66"/>
      <c r="BS78" s="66"/>
      <c r="BT78" s="66"/>
      <c r="BU78" s="66"/>
      <c r="BV78" s="66"/>
      <c r="BW78" s="66"/>
      <c r="BX78" s="66"/>
      <c r="BY78" s="66"/>
      <c r="BZ78" s="67"/>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5"/>
      <c r="BM79" s="66"/>
      <c r="BN79" s="66"/>
      <c r="BO79" s="66"/>
      <c r="BP79" s="66"/>
      <c r="BQ79" s="66"/>
      <c r="BR79" s="66"/>
      <c r="BS79" s="66"/>
      <c r="BT79" s="66"/>
      <c r="BU79" s="66"/>
      <c r="BV79" s="66"/>
      <c r="BW79" s="66"/>
      <c r="BX79" s="66"/>
      <c r="BY79" s="66"/>
      <c r="BZ79" s="67"/>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5"/>
      <c r="BM80" s="66"/>
      <c r="BN80" s="66"/>
      <c r="BO80" s="66"/>
      <c r="BP80" s="66"/>
      <c r="BQ80" s="66"/>
      <c r="BR80" s="66"/>
      <c r="BS80" s="66"/>
      <c r="BT80" s="66"/>
      <c r="BU80" s="66"/>
      <c r="BV80" s="66"/>
      <c r="BW80" s="66"/>
      <c r="BX80" s="66"/>
      <c r="BY80" s="66"/>
      <c r="BZ80" s="67"/>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5"/>
      <c r="BM81" s="66"/>
      <c r="BN81" s="66"/>
      <c r="BO81" s="66"/>
      <c r="BP81" s="66"/>
      <c r="BQ81" s="66"/>
      <c r="BR81" s="66"/>
      <c r="BS81" s="66"/>
      <c r="BT81" s="66"/>
      <c r="BU81" s="66"/>
      <c r="BV81" s="66"/>
      <c r="BW81" s="66"/>
      <c r="BX81" s="66"/>
      <c r="BY81" s="66"/>
      <c r="BZ81" s="67"/>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8"/>
      <c r="BM82" s="69"/>
      <c r="BN82" s="69"/>
      <c r="BO82" s="69"/>
      <c r="BP82" s="69"/>
      <c r="BQ82" s="69"/>
      <c r="BR82" s="69"/>
      <c r="BS82" s="69"/>
      <c r="BT82" s="69"/>
      <c r="BU82" s="69"/>
      <c r="BV82" s="69"/>
      <c r="BW82" s="69"/>
      <c r="BX82" s="69"/>
      <c r="BY82" s="69"/>
      <c r="BZ82" s="70"/>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ILifD+auk8TBOHtP54iH+mE5AW3DBzt7ON1o/fnPo/EG3yp3WCD7EQLpBYEtdI7zYet7GnpiwJwknTtLaBMUnA==" saltValue="obGtvMrhYJFxYbwYjz8dgg=="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4011</v>
      </c>
      <c r="D6" s="19">
        <f t="shared" si="3"/>
        <v>46</v>
      </c>
      <c r="E6" s="19">
        <f t="shared" si="3"/>
        <v>17</v>
      </c>
      <c r="F6" s="19">
        <f t="shared" si="3"/>
        <v>1</v>
      </c>
      <c r="G6" s="19">
        <f t="shared" si="3"/>
        <v>0</v>
      </c>
      <c r="H6" s="19" t="str">
        <f t="shared" si="3"/>
        <v>神奈川県　愛川町</v>
      </c>
      <c r="I6" s="19" t="str">
        <f t="shared" si="3"/>
        <v>法適用</v>
      </c>
      <c r="J6" s="19" t="str">
        <f t="shared" si="3"/>
        <v>下水道事業</v>
      </c>
      <c r="K6" s="19" t="str">
        <f t="shared" si="3"/>
        <v>公共下水道</v>
      </c>
      <c r="L6" s="19" t="str">
        <f t="shared" si="3"/>
        <v>Bd1</v>
      </c>
      <c r="M6" s="19" t="str">
        <f t="shared" si="3"/>
        <v>非設置</v>
      </c>
      <c r="N6" s="20" t="str">
        <f t="shared" si="3"/>
        <v>-</v>
      </c>
      <c r="O6" s="20">
        <f t="shared" si="3"/>
        <v>57.35</v>
      </c>
      <c r="P6" s="20">
        <f t="shared" si="3"/>
        <v>91.08</v>
      </c>
      <c r="Q6" s="20">
        <f t="shared" si="3"/>
        <v>96.07</v>
      </c>
      <c r="R6" s="20">
        <f t="shared" si="3"/>
        <v>2077</v>
      </c>
      <c r="S6" s="20">
        <f t="shared" si="3"/>
        <v>39601</v>
      </c>
      <c r="T6" s="20">
        <f t="shared" si="3"/>
        <v>34.28</v>
      </c>
      <c r="U6" s="20">
        <f t="shared" si="3"/>
        <v>1155.22</v>
      </c>
      <c r="V6" s="20">
        <f t="shared" si="3"/>
        <v>36041</v>
      </c>
      <c r="W6" s="20">
        <f t="shared" si="3"/>
        <v>8.52</v>
      </c>
      <c r="X6" s="20">
        <f t="shared" si="3"/>
        <v>4230.16</v>
      </c>
      <c r="Y6" s="21" t="str">
        <f>IF(Y7="",NA(),Y7)</f>
        <v>-</v>
      </c>
      <c r="Z6" s="21" t="str">
        <f t="shared" ref="Z6:AH6" si="4">IF(Z7="",NA(),Z7)</f>
        <v>-</v>
      </c>
      <c r="AA6" s="21">
        <f t="shared" si="4"/>
        <v>106.17</v>
      </c>
      <c r="AB6" s="21">
        <f t="shared" si="4"/>
        <v>103.67</v>
      </c>
      <c r="AC6" s="21">
        <f t="shared" si="4"/>
        <v>102.37</v>
      </c>
      <c r="AD6" s="21" t="str">
        <f t="shared" si="4"/>
        <v>-</v>
      </c>
      <c r="AE6" s="21" t="str">
        <f t="shared" si="4"/>
        <v>-</v>
      </c>
      <c r="AF6" s="21">
        <f t="shared" si="4"/>
        <v>107.85</v>
      </c>
      <c r="AG6" s="21">
        <f t="shared" si="4"/>
        <v>108.04</v>
      </c>
      <c r="AH6" s="21">
        <f t="shared" si="4"/>
        <v>107.49</v>
      </c>
      <c r="AI6" s="20" t="str">
        <f>IF(AI7="","",IF(AI7="-","【-】","【"&amp;SUBSTITUTE(TEXT(AI7,"#,##0.00"),"-","△")&amp;"】"))</f>
        <v>【106.11】</v>
      </c>
      <c r="AJ6" s="21" t="str">
        <f>IF(AJ7="",NA(),AJ7)</f>
        <v>-</v>
      </c>
      <c r="AK6" s="21" t="str">
        <f t="shared" ref="AK6:AS6" si="5">IF(AK7="",NA(),AK7)</f>
        <v>-</v>
      </c>
      <c r="AL6" s="20">
        <f t="shared" si="5"/>
        <v>0</v>
      </c>
      <c r="AM6" s="20">
        <f t="shared" si="5"/>
        <v>0</v>
      </c>
      <c r="AN6" s="20">
        <f t="shared" si="5"/>
        <v>0</v>
      </c>
      <c r="AO6" s="21" t="str">
        <f t="shared" si="5"/>
        <v>-</v>
      </c>
      <c r="AP6" s="21" t="str">
        <f t="shared" si="5"/>
        <v>-</v>
      </c>
      <c r="AQ6" s="21">
        <f t="shared" si="5"/>
        <v>4.72</v>
      </c>
      <c r="AR6" s="21">
        <f t="shared" si="5"/>
        <v>4.49</v>
      </c>
      <c r="AS6" s="21">
        <f t="shared" si="5"/>
        <v>5.41</v>
      </c>
      <c r="AT6" s="20" t="str">
        <f>IF(AT7="","",IF(AT7="-","【-】","【"&amp;SUBSTITUTE(TEXT(AT7,"#,##0.00"),"-","△")&amp;"】"))</f>
        <v>【3.15】</v>
      </c>
      <c r="AU6" s="21" t="str">
        <f>IF(AU7="",NA(),AU7)</f>
        <v>-</v>
      </c>
      <c r="AV6" s="21" t="str">
        <f t="shared" ref="AV6:BD6" si="6">IF(AV7="",NA(),AV7)</f>
        <v>-</v>
      </c>
      <c r="AW6" s="21">
        <f t="shared" si="6"/>
        <v>26.63</v>
      </c>
      <c r="AX6" s="21">
        <f t="shared" si="6"/>
        <v>32.11</v>
      </c>
      <c r="AY6" s="21">
        <f t="shared" si="6"/>
        <v>37.700000000000003</v>
      </c>
      <c r="AZ6" s="21" t="str">
        <f t="shared" si="6"/>
        <v>-</v>
      </c>
      <c r="BA6" s="21" t="str">
        <f t="shared" si="6"/>
        <v>-</v>
      </c>
      <c r="BB6" s="21">
        <f t="shared" si="6"/>
        <v>67.930000000000007</v>
      </c>
      <c r="BC6" s="21">
        <f t="shared" si="6"/>
        <v>68.53</v>
      </c>
      <c r="BD6" s="21">
        <f t="shared" si="6"/>
        <v>69.180000000000007</v>
      </c>
      <c r="BE6" s="20" t="str">
        <f>IF(BE7="","",IF(BE7="-","【-】","【"&amp;SUBSTITUTE(TEXT(BE7,"#,##0.00"),"-","△")&amp;"】"))</f>
        <v>【73.44】</v>
      </c>
      <c r="BF6" s="21" t="str">
        <f>IF(BF7="",NA(),BF7)</f>
        <v>-</v>
      </c>
      <c r="BG6" s="21" t="str">
        <f t="shared" ref="BG6:BO6" si="7">IF(BG7="",NA(),BG7)</f>
        <v>-</v>
      </c>
      <c r="BH6" s="21">
        <f t="shared" si="7"/>
        <v>1090.06</v>
      </c>
      <c r="BI6" s="21">
        <f t="shared" si="7"/>
        <v>1022.78</v>
      </c>
      <c r="BJ6" s="21">
        <f t="shared" si="7"/>
        <v>1016.66</v>
      </c>
      <c r="BK6" s="21" t="str">
        <f t="shared" si="7"/>
        <v>-</v>
      </c>
      <c r="BL6" s="21" t="str">
        <f t="shared" si="7"/>
        <v>-</v>
      </c>
      <c r="BM6" s="21">
        <f t="shared" si="7"/>
        <v>857.88</v>
      </c>
      <c r="BN6" s="21">
        <f t="shared" si="7"/>
        <v>825.1</v>
      </c>
      <c r="BO6" s="21">
        <f t="shared" si="7"/>
        <v>789.87</v>
      </c>
      <c r="BP6" s="20" t="str">
        <f>IF(BP7="","",IF(BP7="-","【-】","【"&amp;SUBSTITUTE(TEXT(BP7,"#,##0.00"),"-","△")&amp;"】"))</f>
        <v>【652.82】</v>
      </c>
      <c r="BQ6" s="21" t="str">
        <f>IF(BQ7="",NA(),BQ7)</f>
        <v>-</v>
      </c>
      <c r="BR6" s="21" t="str">
        <f t="shared" ref="BR6:BZ6" si="8">IF(BR7="",NA(),BR7)</f>
        <v>-</v>
      </c>
      <c r="BS6" s="21">
        <f t="shared" si="8"/>
        <v>81.91</v>
      </c>
      <c r="BT6" s="21">
        <f t="shared" si="8"/>
        <v>82.46</v>
      </c>
      <c r="BU6" s="21">
        <f t="shared" si="8"/>
        <v>82.43</v>
      </c>
      <c r="BV6" s="21" t="str">
        <f t="shared" si="8"/>
        <v>-</v>
      </c>
      <c r="BW6" s="21" t="str">
        <f t="shared" si="8"/>
        <v>-</v>
      </c>
      <c r="BX6" s="21">
        <f t="shared" si="8"/>
        <v>94.97</v>
      </c>
      <c r="BY6" s="21">
        <f t="shared" si="8"/>
        <v>97.07</v>
      </c>
      <c r="BZ6" s="21">
        <f t="shared" si="8"/>
        <v>98.06</v>
      </c>
      <c r="CA6" s="20" t="str">
        <f>IF(CA7="","",IF(CA7="-","【-】","【"&amp;SUBSTITUTE(TEXT(CA7,"#,##0.00"),"-","△")&amp;"】"))</f>
        <v>【97.61】</v>
      </c>
      <c r="CB6" s="21" t="str">
        <f>IF(CB7="",NA(),CB7)</f>
        <v>-</v>
      </c>
      <c r="CC6" s="21" t="str">
        <f t="shared" ref="CC6:CK6" si="9">IF(CC7="",NA(),CC7)</f>
        <v>-</v>
      </c>
      <c r="CD6" s="21">
        <f t="shared" si="9"/>
        <v>150</v>
      </c>
      <c r="CE6" s="21">
        <f t="shared" si="9"/>
        <v>150</v>
      </c>
      <c r="CF6" s="21">
        <f t="shared" si="9"/>
        <v>150</v>
      </c>
      <c r="CG6" s="21" t="str">
        <f t="shared" si="9"/>
        <v>-</v>
      </c>
      <c r="CH6" s="21" t="str">
        <f t="shared" si="9"/>
        <v>-</v>
      </c>
      <c r="CI6" s="21">
        <f t="shared" si="9"/>
        <v>159.49</v>
      </c>
      <c r="CJ6" s="21">
        <f t="shared" si="9"/>
        <v>157.81</v>
      </c>
      <c r="CK6" s="21">
        <f t="shared" si="9"/>
        <v>157.37</v>
      </c>
      <c r="CL6" s="20" t="str">
        <f>IF(CL7="","",IF(CL7="-","【-】","【"&amp;SUBSTITUTE(TEXT(CL7,"#,##0.00"),"-","△")&amp;"】"))</f>
        <v>【138.29】</v>
      </c>
      <c r="CM6" s="21" t="str">
        <f>IF(CM7="",NA(),CM7)</f>
        <v>-</v>
      </c>
      <c r="CN6" s="21" t="str">
        <f t="shared" ref="CN6:CV6" si="10">IF(CN7="",NA(),CN7)</f>
        <v>-</v>
      </c>
      <c r="CO6" s="21" t="str">
        <f t="shared" si="10"/>
        <v>-</v>
      </c>
      <c r="CP6" s="21" t="str">
        <f t="shared" si="10"/>
        <v>-</v>
      </c>
      <c r="CQ6" s="21" t="str">
        <f t="shared" si="10"/>
        <v>-</v>
      </c>
      <c r="CR6" s="21" t="str">
        <f t="shared" si="10"/>
        <v>-</v>
      </c>
      <c r="CS6" s="21" t="str">
        <f t="shared" si="10"/>
        <v>-</v>
      </c>
      <c r="CT6" s="21">
        <f t="shared" si="10"/>
        <v>65.28</v>
      </c>
      <c r="CU6" s="21">
        <f t="shared" si="10"/>
        <v>64.92</v>
      </c>
      <c r="CV6" s="21">
        <f t="shared" si="10"/>
        <v>64.14</v>
      </c>
      <c r="CW6" s="20" t="str">
        <f>IF(CW7="","",IF(CW7="-","【-】","【"&amp;SUBSTITUTE(TEXT(CW7,"#,##0.00"),"-","△")&amp;"】"))</f>
        <v>【59.10】</v>
      </c>
      <c r="CX6" s="21" t="str">
        <f>IF(CX7="",NA(),CX7)</f>
        <v>-</v>
      </c>
      <c r="CY6" s="21" t="str">
        <f t="shared" ref="CY6:DG6" si="11">IF(CY7="",NA(),CY7)</f>
        <v>-</v>
      </c>
      <c r="CZ6" s="21">
        <f t="shared" si="11"/>
        <v>97.95</v>
      </c>
      <c r="DA6" s="21">
        <f t="shared" si="11"/>
        <v>97.96</v>
      </c>
      <c r="DB6" s="21">
        <f t="shared" si="11"/>
        <v>97.97</v>
      </c>
      <c r="DC6" s="21" t="str">
        <f t="shared" si="11"/>
        <v>-</v>
      </c>
      <c r="DD6" s="21" t="str">
        <f t="shared" si="11"/>
        <v>-</v>
      </c>
      <c r="DE6" s="21">
        <f t="shared" si="11"/>
        <v>92.72</v>
      </c>
      <c r="DF6" s="21">
        <f t="shared" si="11"/>
        <v>92.88</v>
      </c>
      <c r="DG6" s="21">
        <f t="shared" si="11"/>
        <v>92.9</v>
      </c>
      <c r="DH6" s="20" t="str">
        <f>IF(DH7="","",IF(DH7="-","【-】","【"&amp;SUBSTITUTE(TEXT(DH7,"#,##0.00"),"-","△")&amp;"】"))</f>
        <v>【95.82】</v>
      </c>
      <c r="DI6" s="21" t="str">
        <f>IF(DI7="",NA(),DI7)</f>
        <v>-</v>
      </c>
      <c r="DJ6" s="21" t="str">
        <f t="shared" ref="DJ6:DR6" si="12">IF(DJ7="",NA(),DJ7)</f>
        <v>-</v>
      </c>
      <c r="DK6" s="21">
        <f t="shared" si="12"/>
        <v>3.94</v>
      </c>
      <c r="DL6" s="21">
        <f t="shared" si="12"/>
        <v>7.84</v>
      </c>
      <c r="DM6" s="21">
        <f t="shared" si="12"/>
        <v>11.55</v>
      </c>
      <c r="DN6" s="21" t="str">
        <f t="shared" si="12"/>
        <v>-</v>
      </c>
      <c r="DO6" s="21" t="str">
        <f t="shared" si="12"/>
        <v>-</v>
      </c>
      <c r="DP6" s="21">
        <f t="shared" si="12"/>
        <v>23.79</v>
      </c>
      <c r="DQ6" s="21">
        <f t="shared" si="12"/>
        <v>25.66</v>
      </c>
      <c r="DR6" s="21">
        <f t="shared" si="12"/>
        <v>27.46</v>
      </c>
      <c r="DS6" s="20" t="str">
        <f>IF(DS7="","",IF(DS7="-","【-】","【"&amp;SUBSTITUTE(TEXT(DS7,"#,##0.00"),"-","△")&amp;"】"))</f>
        <v>【39.74】</v>
      </c>
      <c r="DT6" s="21" t="str">
        <f>IF(DT7="",NA(),DT7)</f>
        <v>-</v>
      </c>
      <c r="DU6" s="21" t="str">
        <f t="shared" ref="DU6:EC6" si="13">IF(DU7="",NA(),DU7)</f>
        <v>-</v>
      </c>
      <c r="DV6" s="21">
        <f t="shared" si="13"/>
        <v>4.33</v>
      </c>
      <c r="DW6" s="21">
        <f t="shared" si="13"/>
        <v>4.51</v>
      </c>
      <c r="DX6" s="21">
        <f t="shared" si="13"/>
        <v>4.49</v>
      </c>
      <c r="DY6" s="21" t="str">
        <f t="shared" si="13"/>
        <v>-</v>
      </c>
      <c r="DZ6" s="21" t="str">
        <f t="shared" si="13"/>
        <v>-</v>
      </c>
      <c r="EA6" s="21">
        <f t="shared" si="13"/>
        <v>1.22</v>
      </c>
      <c r="EB6" s="21">
        <f t="shared" si="13"/>
        <v>1.61</v>
      </c>
      <c r="EC6" s="21">
        <f t="shared" si="13"/>
        <v>2.08</v>
      </c>
      <c r="ED6" s="20" t="str">
        <f>IF(ED7="","",IF(ED7="-","【-】","【"&amp;SUBSTITUTE(TEXT(ED7,"#,##0.00"),"-","△")&amp;"】"))</f>
        <v>【7.62】</v>
      </c>
      <c r="EE6" s="21" t="str">
        <f>IF(EE7="",NA(),EE7)</f>
        <v>-</v>
      </c>
      <c r="EF6" s="21" t="str">
        <f t="shared" ref="EF6:EN6" si="14">IF(EF7="",NA(),EF7)</f>
        <v>-</v>
      </c>
      <c r="EG6" s="21">
        <f t="shared" si="14"/>
        <v>0.12</v>
      </c>
      <c r="EH6" s="21">
        <f t="shared" si="14"/>
        <v>0.04</v>
      </c>
      <c r="EI6" s="21">
        <f t="shared" si="14"/>
        <v>0.06</v>
      </c>
      <c r="EJ6" s="21" t="str">
        <f t="shared" si="14"/>
        <v>-</v>
      </c>
      <c r="EK6" s="21" t="str">
        <f t="shared" si="14"/>
        <v>-</v>
      </c>
      <c r="EL6" s="21">
        <f t="shared" si="14"/>
        <v>0.09</v>
      </c>
      <c r="EM6" s="21">
        <f t="shared" si="14"/>
        <v>0.17</v>
      </c>
      <c r="EN6" s="21">
        <f t="shared" si="14"/>
        <v>0.13</v>
      </c>
      <c r="EO6" s="20" t="str">
        <f>IF(EO7="","",IF(EO7="-","【-】","【"&amp;SUBSTITUTE(TEXT(EO7,"#,##0.00"),"-","△")&amp;"】"))</f>
        <v>【0.23】</v>
      </c>
    </row>
    <row r="7" spans="1:148" s="22" customFormat="1" x14ac:dyDescent="0.2">
      <c r="A7" s="14"/>
      <c r="B7" s="23">
        <v>2022</v>
      </c>
      <c r="C7" s="23">
        <v>144011</v>
      </c>
      <c r="D7" s="23">
        <v>46</v>
      </c>
      <c r="E7" s="23">
        <v>17</v>
      </c>
      <c r="F7" s="23">
        <v>1</v>
      </c>
      <c r="G7" s="23">
        <v>0</v>
      </c>
      <c r="H7" s="23" t="s">
        <v>96</v>
      </c>
      <c r="I7" s="23" t="s">
        <v>97</v>
      </c>
      <c r="J7" s="23" t="s">
        <v>98</v>
      </c>
      <c r="K7" s="23" t="s">
        <v>99</v>
      </c>
      <c r="L7" s="23" t="s">
        <v>100</v>
      </c>
      <c r="M7" s="23" t="s">
        <v>101</v>
      </c>
      <c r="N7" s="24" t="s">
        <v>102</v>
      </c>
      <c r="O7" s="24">
        <v>57.35</v>
      </c>
      <c r="P7" s="24">
        <v>91.08</v>
      </c>
      <c r="Q7" s="24">
        <v>96.07</v>
      </c>
      <c r="R7" s="24">
        <v>2077</v>
      </c>
      <c r="S7" s="24">
        <v>39601</v>
      </c>
      <c r="T7" s="24">
        <v>34.28</v>
      </c>
      <c r="U7" s="24">
        <v>1155.22</v>
      </c>
      <c r="V7" s="24">
        <v>36041</v>
      </c>
      <c r="W7" s="24">
        <v>8.52</v>
      </c>
      <c r="X7" s="24">
        <v>4230.16</v>
      </c>
      <c r="Y7" s="24" t="s">
        <v>102</v>
      </c>
      <c r="Z7" s="24" t="s">
        <v>102</v>
      </c>
      <c r="AA7" s="24">
        <v>106.17</v>
      </c>
      <c r="AB7" s="24">
        <v>103.67</v>
      </c>
      <c r="AC7" s="24">
        <v>102.37</v>
      </c>
      <c r="AD7" s="24" t="s">
        <v>102</v>
      </c>
      <c r="AE7" s="24" t="s">
        <v>102</v>
      </c>
      <c r="AF7" s="24">
        <v>107.85</v>
      </c>
      <c r="AG7" s="24">
        <v>108.04</v>
      </c>
      <c r="AH7" s="24">
        <v>107.49</v>
      </c>
      <c r="AI7" s="24">
        <v>106.11</v>
      </c>
      <c r="AJ7" s="24" t="s">
        <v>102</v>
      </c>
      <c r="AK7" s="24" t="s">
        <v>102</v>
      </c>
      <c r="AL7" s="24">
        <v>0</v>
      </c>
      <c r="AM7" s="24">
        <v>0</v>
      </c>
      <c r="AN7" s="24">
        <v>0</v>
      </c>
      <c r="AO7" s="24" t="s">
        <v>102</v>
      </c>
      <c r="AP7" s="24" t="s">
        <v>102</v>
      </c>
      <c r="AQ7" s="24">
        <v>4.72</v>
      </c>
      <c r="AR7" s="24">
        <v>4.49</v>
      </c>
      <c r="AS7" s="24">
        <v>5.41</v>
      </c>
      <c r="AT7" s="24">
        <v>3.15</v>
      </c>
      <c r="AU7" s="24" t="s">
        <v>102</v>
      </c>
      <c r="AV7" s="24" t="s">
        <v>102</v>
      </c>
      <c r="AW7" s="24">
        <v>26.63</v>
      </c>
      <c r="AX7" s="24">
        <v>32.11</v>
      </c>
      <c r="AY7" s="24">
        <v>37.700000000000003</v>
      </c>
      <c r="AZ7" s="24" t="s">
        <v>102</v>
      </c>
      <c r="BA7" s="24" t="s">
        <v>102</v>
      </c>
      <c r="BB7" s="24">
        <v>67.930000000000007</v>
      </c>
      <c r="BC7" s="24">
        <v>68.53</v>
      </c>
      <c r="BD7" s="24">
        <v>69.180000000000007</v>
      </c>
      <c r="BE7" s="24">
        <v>73.44</v>
      </c>
      <c r="BF7" s="24" t="s">
        <v>102</v>
      </c>
      <c r="BG7" s="24" t="s">
        <v>102</v>
      </c>
      <c r="BH7" s="24">
        <v>1090.06</v>
      </c>
      <c r="BI7" s="24">
        <v>1022.78</v>
      </c>
      <c r="BJ7" s="24">
        <v>1016.66</v>
      </c>
      <c r="BK7" s="24" t="s">
        <v>102</v>
      </c>
      <c r="BL7" s="24" t="s">
        <v>102</v>
      </c>
      <c r="BM7" s="24">
        <v>857.88</v>
      </c>
      <c r="BN7" s="24">
        <v>825.1</v>
      </c>
      <c r="BO7" s="24">
        <v>789.87</v>
      </c>
      <c r="BP7" s="24">
        <v>652.82000000000005</v>
      </c>
      <c r="BQ7" s="24" t="s">
        <v>102</v>
      </c>
      <c r="BR7" s="24" t="s">
        <v>102</v>
      </c>
      <c r="BS7" s="24">
        <v>81.91</v>
      </c>
      <c r="BT7" s="24">
        <v>82.46</v>
      </c>
      <c r="BU7" s="24">
        <v>82.43</v>
      </c>
      <c r="BV7" s="24" t="s">
        <v>102</v>
      </c>
      <c r="BW7" s="24" t="s">
        <v>102</v>
      </c>
      <c r="BX7" s="24">
        <v>94.97</v>
      </c>
      <c r="BY7" s="24">
        <v>97.07</v>
      </c>
      <c r="BZ7" s="24">
        <v>98.06</v>
      </c>
      <c r="CA7" s="24">
        <v>97.61</v>
      </c>
      <c r="CB7" s="24" t="s">
        <v>102</v>
      </c>
      <c r="CC7" s="24" t="s">
        <v>102</v>
      </c>
      <c r="CD7" s="24">
        <v>150</v>
      </c>
      <c r="CE7" s="24">
        <v>150</v>
      </c>
      <c r="CF7" s="24">
        <v>150</v>
      </c>
      <c r="CG7" s="24" t="s">
        <v>102</v>
      </c>
      <c r="CH7" s="24" t="s">
        <v>102</v>
      </c>
      <c r="CI7" s="24">
        <v>159.49</v>
      </c>
      <c r="CJ7" s="24">
        <v>157.81</v>
      </c>
      <c r="CK7" s="24">
        <v>157.37</v>
      </c>
      <c r="CL7" s="24">
        <v>138.29</v>
      </c>
      <c r="CM7" s="24" t="s">
        <v>102</v>
      </c>
      <c r="CN7" s="24" t="s">
        <v>102</v>
      </c>
      <c r="CO7" s="24" t="s">
        <v>102</v>
      </c>
      <c r="CP7" s="24" t="s">
        <v>102</v>
      </c>
      <c r="CQ7" s="24" t="s">
        <v>102</v>
      </c>
      <c r="CR7" s="24" t="s">
        <v>102</v>
      </c>
      <c r="CS7" s="24" t="s">
        <v>102</v>
      </c>
      <c r="CT7" s="24">
        <v>65.28</v>
      </c>
      <c r="CU7" s="24">
        <v>64.92</v>
      </c>
      <c r="CV7" s="24">
        <v>64.14</v>
      </c>
      <c r="CW7" s="24">
        <v>59.1</v>
      </c>
      <c r="CX7" s="24" t="s">
        <v>102</v>
      </c>
      <c r="CY7" s="24" t="s">
        <v>102</v>
      </c>
      <c r="CZ7" s="24">
        <v>97.95</v>
      </c>
      <c r="DA7" s="24">
        <v>97.96</v>
      </c>
      <c r="DB7" s="24">
        <v>97.97</v>
      </c>
      <c r="DC7" s="24" t="s">
        <v>102</v>
      </c>
      <c r="DD7" s="24" t="s">
        <v>102</v>
      </c>
      <c r="DE7" s="24">
        <v>92.72</v>
      </c>
      <c r="DF7" s="24">
        <v>92.88</v>
      </c>
      <c r="DG7" s="24">
        <v>92.9</v>
      </c>
      <c r="DH7" s="24">
        <v>95.82</v>
      </c>
      <c r="DI7" s="24" t="s">
        <v>102</v>
      </c>
      <c r="DJ7" s="24" t="s">
        <v>102</v>
      </c>
      <c r="DK7" s="24">
        <v>3.94</v>
      </c>
      <c r="DL7" s="24">
        <v>7.84</v>
      </c>
      <c r="DM7" s="24">
        <v>11.55</v>
      </c>
      <c r="DN7" s="24" t="s">
        <v>102</v>
      </c>
      <c r="DO7" s="24" t="s">
        <v>102</v>
      </c>
      <c r="DP7" s="24">
        <v>23.79</v>
      </c>
      <c r="DQ7" s="24">
        <v>25.66</v>
      </c>
      <c r="DR7" s="24">
        <v>27.46</v>
      </c>
      <c r="DS7" s="24">
        <v>39.74</v>
      </c>
      <c r="DT7" s="24" t="s">
        <v>102</v>
      </c>
      <c r="DU7" s="24" t="s">
        <v>102</v>
      </c>
      <c r="DV7" s="24">
        <v>4.33</v>
      </c>
      <c r="DW7" s="24">
        <v>4.51</v>
      </c>
      <c r="DX7" s="24">
        <v>4.49</v>
      </c>
      <c r="DY7" s="24" t="s">
        <v>102</v>
      </c>
      <c r="DZ7" s="24" t="s">
        <v>102</v>
      </c>
      <c r="EA7" s="24">
        <v>1.22</v>
      </c>
      <c r="EB7" s="24">
        <v>1.61</v>
      </c>
      <c r="EC7" s="24">
        <v>2.08</v>
      </c>
      <c r="ED7" s="24">
        <v>7.62</v>
      </c>
      <c r="EE7" s="24" t="s">
        <v>102</v>
      </c>
      <c r="EF7" s="24" t="s">
        <v>102</v>
      </c>
      <c r="EG7" s="24">
        <v>0.12</v>
      </c>
      <c r="EH7" s="24">
        <v>0.04</v>
      </c>
      <c r="EI7" s="24">
        <v>0.06</v>
      </c>
      <c r="EJ7" s="24" t="s">
        <v>102</v>
      </c>
      <c r="EK7" s="24" t="s">
        <v>102</v>
      </c>
      <c r="EL7" s="24">
        <v>0.09</v>
      </c>
      <c r="EM7" s="24">
        <v>0.17</v>
      </c>
      <c r="EN7" s="24">
        <v>0.13</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2</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02T02:58:50Z</cp:lastPrinted>
  <dcterms:created xsi:type="dcterms:W3CDTF">2023-12-12T00:45:48Z</dcterms:created>
  <dcterms:modified xsi:type="dcterms:W3CDTF">2024-02-27T04:29:56Z</dcterms:modified>
  <cp:category/>
</cp:coreProperties>
</file>